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12"/>
  </p:notesMasterIdLst>
  <p:handoutMasterIdLst>
    <p:handoutMasterId r:id="rId13"/>
  </p:handoutMasterIdLst>
  <p:sldIdLst>
    <p:sldId id="272" r:id="rId5"/>
    <p:sldId id="271" r:id="rId6"/>
    <p:sldId id="274" r:id="rId7"/>
    <p:sldId id="273" r:id="rId8"/>
    <p:sldId id="263" r:id="rId9"/>
    <p:sldId id="275" r:id="rId10"/>
    <p:sldId id="276" r:id="rId11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A3C3C"/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2506C08-2ED3-481C-96CE-960C6894BC65}" v="28" dt="2023-01-17T08:09:11.37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showOutlineIcons="0">
    <p:restoredLeft sz="34557" autoAdjust="0"/>
    <p:restoredTop sz="86385" autoAdjust="0"/>
  </p:normalViewPr>
  <p:slideViewPr>
    <p:cSldViewPr snapToObjects="1">
      <p:cViewPr varScale="1">
        <p:scale>
          <a:sx n="108" d="100"/>
          <a:sy n="108" d="100"/>
        </p:scale>
        <p:origin x="120" y="468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handoutMaster" Target="handoutMasters/handoutMaster1.xml"/><Relationship Id="rId18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notesMaster" Target="notesMasters/notesMaster1.xml"/><Relationship Id="rId17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microsoft.com/office/2015/10/relationships/revisionInfo" Target="revisionInfo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Christian Otholm" userId="e12caa1e-be09-4a4e-9657-7b3878e4fc86" providerId="ADAL" clId="{12506C08-2ED3-481C-96CE-960C6894BC65}"/>
    <pc:docChg chg="undo custSel modSld">
      <pc:chgData name="Christian Otholm" userId="e12caa1e-be09-4a4e-9657-7b3878e4fc86" providerId="ADAL" clId="{12506C08-2ED3-481C-96CE-960C6894BC65}" dt="2023-01-17T08:09:11.378" v="38" actId="13244"/>
      <pc:docMkLst>
        <pc:docMk/>
      </pc:docMkLst>
      <pc:sldChg chg="addSp delSp modSp mod">
        <pc:chgData name="Christian Otholm" userId="e12caa1e-be09-4a4e-9657-7b3878e4fc86" providerId="ADAL" clId="{12506C08-2ED3-481C-96CE-960C6894BC65}" dt="2023-01-17T08:08:10.127" v="36" actId="13244"/>
        <pc:sldMkLst>
          <pc:docMk/>
          <pc:sldMk cId="4033344637" sldId="263"/>
        </pc:sldMkLst>
        <pc:spChg chg="add del mod">
          <ac:chgData name="Christian Otholm" userId="e12caa1e-be09-4a4e-9657-7b3878e4fc86" providerId="ADAL" clId="{12506C08-2ED3-481C-96CE-960C6894BC65}" dt="2023-01-17T08:06:00.842" v="7" actId="33699"/>
          <ac:spMkLst>
            <pc:docMk/>
            <pc:sldMk cId="4033344637" sldId="263"/>
            <ac:spMk id="2" creationId="{3CB35D4E-C816-E891-5F82-C5904CE4FBD7}"/>
          </ac:spMkLst>
        </pc:spChg>
        <pc:spChg chg="add mod">
          <ac:chgData name="Christian Otholm" userId="e12caa1e-be09-4a4e-9657-7b3878e4fc86" providerId="ADAL" clId="{12506C08-2ED3-481C-96CE-960C6894BC65}" dt="2023-01-17T08:08:10.127" v="36" actId="13244"/>
          <ac:spMkLst>
            <pc:docMk/>
            <pc:sldMk cId="4033344637" sldId="263"/>
            <ac:spMk id="3" creationId="{9D8AB41B-C91A-D9DD-BE6F-1622EB8B0640}"/>
          </ac:spMkLst>
        </pc:spChg>
        <pc:spChg chg="mod">
          <ac:chgData name="Christian Otholm" userId="e12caa1e-be09-4a4e-9657-7b3878e4fc86" providerId="ADAL" clId="{12506C08-2ED3-481C-96CE-960C6894BC65}" dt="2023-01-17T08:08:07.072" v="35" actId="13244"/>
          <ac:spMkLst>
            <pc:docMk/>
            <pc:sldMk cId="4033344637" sldId="263"/>
            <ac:spMk id="6" creationId="{00000000-0000-0000-0000-000000000000}"/>
          </ac:spMkLst>
        </pc:spChg>
      </pc:sldChg>
      <pc:sldChg chg="modSp mod">
        <pc:chgData name="Christian Otholm" userId="e12caa1e-be09-4a4e-9657-7b3878e4fc86" providerId="ADAL" clId="{12506C08-2ED3-481C-96CE-960C6894BC65}" dt="2023-01-17T08:07:47.260" v="34" actId="13244"/>
        <pc:sldMkLst>
          <pc:docMk/>
          <pc:sldMk cId="3066170391" sldId="271"/>
        </pc:sldMkLst>
        <pc:spChg chg="mod">
          <ac:chgData name="Christian Otholm" userId="e12caa1e-be09-4a4e-9657-7b3878e4fc86" providerId="ADAL" clId="{12506C08-2ED3-481C-96CE-960C6894BC65}" dt="2023-01-17T08:04:24.033" v="0" actId="962"/>
          <ac:spMkLst>
            <pc:docMk/>
            <pc:sldMk cId="3066170391" sldId="271"/>
            <ac:spMk id="2" creationId="{DABE64B8-147B-46EC-88FE-15024FFF4751}"/>
          </ac:spMkLst>
        </pc:spChg>
        <pc:spChg chg="mod">
          <ac:chgData name="Christian Otholm" userId="e12caa1e-be09-4a4e-9657-7b3878e4fc86" providerId="ADAL" clId="{12506C08-2ED3-481C-96CE-960C6894BC65}" dt="2023-01-17T08:05:38.561" v="5" actId="33553"/>
          <ac:spMkLst>
            <pc:docMk/>
            <pc:sldMk cId="3066170391" sldId="271"/>
            <ac:spMk id="3" creationId="{00000000-0000-0000-0000-000000000000}"/>
          </ac:spMkLst>
        </pc:spChg>
        <pc:spChg chg="mod">
          <ac:chgData name="Christian Otholm" userId="e12caa1e-be09-4a4e-9657-7b3878e4fc86" providerId="ADAL" clId="{12506C08-2ED3-481C-96CE-960C6894BC65}" dt="2023-01-17T08:04:44.346" v="3" actId="962"/>
          <ac:spMkLst>
            <pc:docMk/>
            <pc:sldMk cId="3066170391" sldId="271"/>
            <ac:spMk id="14" creationId="{00000000-0000-0000-0000-000000000000}"/>
          </ac:spMkLst>
        </pc:spChg>
        <pc:spChg chg="mod">
          <ac:chgData name="Christian Otholm" userId="e12caa1e-be09-4a4e-9657-7b3878e4fc86" providerId="ADAL" clId="{12506C08-2ED3-481C-96CE-960C6894BC65}" dt="2023-01-17T08:04:45.973" v="4" actId="962"/>
          <ac:spMkLst>
            <pc:docMk/>
            <pc:sldMk cId="3066170391" sldId="271"/>
            <ac:spMk id="15" creationId="{00000000-0000-0000-0000-000000000000}"/>
          </ac:spMkLst>
        </pc:spChg>
        <pc:spChg chg="mod">
          <ac:chgData name="Christian Otholm" userId="e12caa1e-be09-4a4e-9657-7b3878e4fc86" providerId="ADAL" clId="{12506C08-2ED3-481C-96CE-960C6894BC65}" dt="2023-01-17T08:04:26.662" v="1" actId="962"/>
          <ac:spMkLst>
            <pc:docMk/>
            <pc:sldMk cId="3066170391" sldId="271"/>
            <ac:spMk id="23" creationId="{5B440781-58B8-4FD6-945E-816017AAA094}"/>
          </ac:spMkLst>
        </pc:spChg>
        <pc:spChg chg="mod">
          <ac:chgData name="Christian Otholm" userId="e12caa1e-be09-4a4e-9657-7b3878e4fc86" providerId="ADAL" clId="{12506C08-2ED3-481C-96CE-960C6894BC65}" dt="2023-01-17T08:04:28.321" v="2" actId="962"/>
          <ac:spMkLst>
            <pc:docMk/>
            <pc:sldMk cId="3066170391" sldId="271"/>
            <ac:spMk id="24" creationId="{83136C98-089D-4809-8DD0-0DFDB7A65342}"/>
          </ac:spMkLst>
        </pc:spChg>
        <pc:spChg chg="mod">
          <ac:chgData name="Christian Otholm" userId="e12caa1e-be09-4a4e-9657-7b3878e4fc86" providerId="ADAL" clId="{12506C08-2ED3-481C-96CE-960C6894BC65}" dt="2023-01-17T08:07:43.927" v="33" actId="13244"/>
          <ac:spMkLst>
            <pc:docMk/>
            <pc:sldMk cId="3066170391" sldId="271"/>
            <ac:spMk id="26" creationId="{66A46353-3933-4392-AB13-DD1CF074A5A1}"/>
          </ac:spMkLst>
        </pc:spChg>
        <pc:spChg chg="mod">
          <ac:chgData name="Christian Otholm" userId="e12caa1e-be09-4a4e-9657-7b3878e4fc86" providerId="ADAL" clId="{12506C08-2ED3-481C-96CE-960C6894BC65}" dt="2023-01-17T08:07:47.260" v="34" actId="13244"/>
          <ac:spMkLst>
            <pc:docMk/>
            <pc:sldMk cId="3066170391" sldId="271"/>
            <ac:spMk id="28" creationId="{CEA28B95-7939-4D70-9D73-D6290655A0E7}"/>
          </ac:spMkLst>
        </pc:spChg>
      </pc:sldChg>
      <pc:sldChg chg="modSp mod">
        <pc:chgData name="Christian Otholm" userId="e12caa1e-be09-4a4e-9657-7b3878e4fc86" providerId="ADAL" clId="{12506C08-2ED3-481C-96CE-960C6894BC65}" dt="2023-01-17T08:09:04.922" v="37" actId="13244"/>
        <pc:sldMkLst>
          <pc:docMk/>
          <pc:sldMk cId="2001121791" sldId="275"/>
        </pc:sldMkLst>
        <pc:spChg chg="mod">
          <ac:chgData name="Christian Otholm" userId="e12caa1e-be09-4a4e-9657-7b3878e4fc86" providerId="ADAL" clId="{12506C08-2ED3-481C-96CE-960C6894BC65}" dt="2023-01-17T08:09:04.922" v="37" actId="13244"/>
          <ac:spMkLst>
            <pc:docMk/>
            <pc:sldMk cId="2001121791" sldId="275"/>
            <ac:spMk id="4" creationId="{8A938DBF-131C-F31C-F4E7-E55A22542AEC}"/>
          </ac:spMkLst>
        </pc:spChg>
      </pc:sldChg>
      <pc:sldChg chg="modSp mod">
        <pc:chgData name="Christian Otholm" userId="e12caa1e-be09-4a4e-9657-7b3878e4fc86" providerId="ADAL" clId="{12506C08-2ED3-481C-96CE-960C6894BC65}" dt="2023-01-17T08:09:11.378" v="38" actId="13244"/>
        <pc:sldMkLst>
          <pc:docMk/>
          <pc:sldMk cId="2283494533" sldId="276"/>
        </pc:sldMkLst>
        <pc:spChg chg="mod">
          <ac:chgData name="Christian Otholm" userId="e12caa1e-be09-4a4e-9657-7b3878e4fc86" providerId="ADAL" clId="{12506C08-2ED3-481C-96CE-960C6894BC65}" dt="2023-01-17T08:09:11.378" v="38" actId="13244"/>
          <ac:spMkLst>
            <pc:docMk/>
            <pc:sldMk cId="2283494533" sldId="276"/>
            <ac:spMk id="4" creationId="{5A6116C1-1E20-8630-5790-19972DD29786}"/>
          </ac:spMkLst>
        </pc:sp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1/17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17-01-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3 pointer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247715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026" name="Picture 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7. januar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8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_K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156147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176123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629954" y="1552435"/>
            <a:ext cx="3884092" cy="20386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57" y="4528786"/>
            <a:ext cx="728851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object 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9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9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7. januar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7. januar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7. januar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 dirty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8" r:id="rId14"/>
    <p:sldLayoutId id="2147483706" r:id="rId15"/>
    <p:sldLayoutId id="2147483709" r:id="rId16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chemeClr val="accent1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FC27ACA-1A3B-78E0-F9BC-2D8989E2E92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Undervisningsmiljø-vurdering 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98476032-2D4B-3F45-4071-E77D21DB799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sz="2400" dirty="0"/>
              <a:t>Pædagogisk assistentuddannelse </a:t>
            </a:r>
          </a:p>
          <a:p>
            <a:r>
              <a:rPr lang="da-DK" sz="2400" dirty="0"/>
              <a:t>16.09.2022</a:t>
            </a:r>
          </a:p>
        </p:txBody>
      </p:sp>
    </p:spTree>
    <p:extLst>
      <p:ext uri="{BB962C8B-B14F-4D97-AF65-F5344CB8AC3E}">
        <p14:creationId xmlns:p14="http://schemas.microsoft.com/office/powerpoint/2010/main" val="61672970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 txBox="1">
            <a:spLocks noGrp="1"/>
          </p:cNvSpPr>
          <p:nvPr>
            <p:ph type="title" idx="4294967295"/>
          </p:nvPr>
        </p:nvSpPr>
        <p:spPr>
          <a:xfrm>
            <a:off x="827584" y="375506"/>
            <a:ext cx="7488237" cy="806450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>
            <a:lvl1pPr algn="ctr" defTabSz="4572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800" b="0" i="0" u="none" strike="noStrike" kern="1200" cap="none" spc="0" normalizeH="0" baseline="0" noProof="0" dirty="0">
                <a:ln>
                  <a:noFill/>
                </a:ln>
                <a:solidFill>
                  <a:schemeClr val="tx1">
                    <a:lumMod val="85000"/>
                    <a:lumOff val="15000"/>
                  </a:schemeClr>
                </a:solidFill>
                <a:effectLst/>
                <a:uLnTx/>
                <a:uFillTx/>
                <a:latin typeface="Georgia" panose="02040502050405020303" pitchFamily="18" charset="0"/>
                <a:ea typeface="+mj-ea"/>
                <a:cs typeface="Arial" panose="020B0604020202020204" pitchFamily="34" charset="0"/>
              </a:rPr>
              <a:t>Undervisningsmiljøet skal fremme elevernes muligheder for udvikling og læring</a:t>
            </a:r>
          </a:p>
        </p:txBody>
      </p:sp>
      <p:sp>
        <p:nvSpPr>
          <p:cNvPr id="2" name="Rektangel 1">
            <a:extLst>
              <a:ext uri="{FF2B5EF4-FFF2-40B4-BE49-F238E27FC236}">
                <a16:creationId xmlns:a16="http://schemas.microsoft.com/office/drawing/2014/main" id="{DABE64B8-147B-46EC-88FE-15024FFF475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3419574" y="2414042"/>
            <a:ext cx="2304256" cy="2358578"/>
          </a:xfrm>
          <a:prstGeom prst="rect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5B440781-58B8-4FD6-945E-816017AAA09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 rot="704378">
            <a:off x="6343619" y="1557365"/>
            <a:ext cx="2304256" cy="2358578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83136C98-089D-4809-8DD0-0DFDB7A65342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 rot="21061629">
            <a:off x="541543" y="1500445"/>
            <a:ext cx="2304256" cy="2358578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66A46353-3933-4392-AB13-DD1CF074A5A1}"/>
              </a:ext>
            </a:extLst>
          </p:cNvPr>
          <p:cNvSpPr txBox="1">
            <a:spLocks/>
          </p:cNvSpPr>
          <p:nvPr/>
        </p:nvSpPr>
        <p:spPr>
          <a:xfrm rot="21000000">
            <a:off x="638991" y="1644135"/>
            <a:ext cx="962123" cy="4001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da-DK" sz="20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ysisk</a:t>
            </a:r>
            <a:r>
              <a:rPr lang="da-DK" sz="14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</p:txBody>
      </p:sp>
      <p:sp>
        <p:nvSpPr>
          <p:cNvPr id="25" name="Tekstfelt 24">
            <a:extLst>
              <a:ext uri="{FF2B5EF4-FFF2-40B4-BE49-F238E27FC236}">
                <a16:creationId xmlns:a16="http://schemas.microsoft.com/office/drawing/2014/main" id="{0D32E3CF-5928-4A6B-8206-F494CACB2668}"/>
              </a:ext>
            </a:extLst>
          </p:cNvPr>
          <p:cNvSpPr txBox="1">
            <a:spLocks/>
          </p:cNvSpPr>
          <p:nvPr/>
        </p:nvSpPr>
        <p:spPr>
          <a:xfrm rot="21061433">
            <a:off x="784229" y="1944242"/>
            <a:ext cx="2031914" cy="1754326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eklima lyd, lys, luft og temperatur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ysiske rammer pladsforhold og inventar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undhed toiletforhold og rengøring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kkerhed </a:t>
            </a:r>
            <a:r>
              <a:rPr lang="da-DK" sz="1200" dirty="0" err="1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kkerhed</a:t>
            </a:r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ht. skolens faciliteter,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ykke og kriseberedskab </a:t>
            </a: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CEA28B95-7939-4D70-9D73-D6290655A0E7}"/>
              </a:ext>
            </a:extLst>
          </p:cNvPr>
          <p:cNvSpPr txBox="1">
            <a:spLocks/>
          </p:cNvSpPr>
          <p:nvPr/>
        </p:nvSpPr>
        <p:spPr>
          <a:xfrm>
            <a:off x="3555745" y="2537816"/>
            <a:ext cx="1167307" cy="4001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da-DK" sz="20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stetisk</a:t>
            </a:r>
            <a:endParaRPr lang="da-DK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13E66C60-7AE2-4F66-9E33-C7A34365B0E3}"/>
              </a:ext>
            </a:extLst>
          </p:cNvPr>
          <p:cNvSpPr txBox="1">
            <a:spLocks/>
          </p:cNvSpPr>
          <p:nvPr/>
        </p:nvSpPr>
        <p:spPr>
          <a:xfrm>
            <a:off x="3555745" y="2931790"/>
            <a:ext cx="2031914" cy="1015663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n af rum rummets sprog og materialitet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mosfære udsmykning og indretning</a:t>
            </a:r>
          </a:p>
          <a:p>
            <a:endParaRPr lang="da-DK" sz="1200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9" name="Tekstfelt 28">
            <a:extLst>
              <a:ext uri="{FF2B5EF4-FFF2-40B4-BE49-F238E27FC236}">
                <a16:creationId xmlns:a16="http://schemas.microsoft.com/office/drawing/2014/main" id="{C621DA9A-8D0E-448A-AAE2-A28BADCF2663}"/>
              </a:ext>
            </a:extLst>
          </p:cNvPr>
          <p:cNvSpPr txBox="1">
            <a:spLocks/>
          </p:cNvSpPr>
          <p:nvPr/>
        </p:nvSpPr>
        <p:spPr>
          <a:xfrm rot="22320000">
            <a:off x="6727197" y="1524934"/>
            <a:ext cx="1055097" cy="4001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da-DK" sz="20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Psykisk</a:t>
            </a:r>
            <a:endParaRPr lang="da-DK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0" name="Tekstfelt 29">
            <a:extLst>
              <a:ext uri="{FF2B5EF4-FFF2-40B4-BE49-F238E27FC236}">
                <a16:creationId xmlns:a16="http://schemas.microsoft.com/office/drawing/2014/main" id="{183C0727-FA11-49AA-BA73-813426130C53}"/>
              </a:ext>
            </a:extLst>
          </p:cNvPr>
          <p:cNvSpPr txBox="1">
            <a:spLocks/>
          </p:cNvSpPr>
          <p:nvPr/>
        </p:nvSpPr>
        <p:spPr>
          <a:xfrm rot="724941">
            <a:off x="6479789" y="1982595"/>
            <a:ext cx="2031914" cy="1754326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Trivsel velbefindende, kompetencer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medbestemmelse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lationer lærer-elev, elev-elev samt mobning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ærdigheder og læring koncentration,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jledning/feedback, støtte og motivation</a:t>
            </a:r>
            <a:endParaRPr lang="da-DK" sz="1200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/>
          </p:cNvSpPr>
          <p:nvPr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661703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C3C2726-C22E-9804-B6EE-9E83DC6C27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Kortlægning af undervisningsmiljøet:</a:t>
            </a:r>
            <a:b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9AC580DC-F302-639A-0D79-8800DE9F0C1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8" y="1239602"/>
            <a:ext cx="7488237" cy="3168886"/>
          </a:xfrm>
        </p:spPr>
        <p:txBody>
          <a:bodyPr/>
          <a:lstStyle/>
          <a:p>
            <a:pPr>
              <a:lnSpc>
                <a:spcPts val="1400"/>
              </a:lnSpc>
              <a:tabLst>
                <a:tab pos="140335" algn="l"/>
              </a:tabLst>
            </a:pPr>
            <a:endParaRPr lang="da-DK" sz="14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400"/>
              </a:lnSpc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Kortlægningen af undervisningsmiljøet baseres på spørgeskemaundersøgelser samt dialog med eleverne i fællesrådet og lærere:</a:t>
            </a:r>
            <a:b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sz="14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Elevtrivselsundersøgelse (ETU)</a:t>
            </a: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Profilforløbsevalueringer 2021-22</a:t>
            </a: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Temamøde om elevtrivselsundersøgelse og undervisningsmiljøvurdering i Fællesrådet</a:t>
            </a: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Udviklingsmøde om elevtrivselsundersøgelse og undervisningsmiljøvurdering med lærere og ledelse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67FAE50-8C6F-7CA8-F59C-6ADEDDFF2726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7. januar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65265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7B1B828-0A75-F78B-1F08-567CFE6A39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588" y="566491"/>
            <a:ext cx="7488758" cy="986182"/>
          </a:xfrm>
        </p:spPr>
        <p:txBody>
          <a:bodyPr/>
          <a:lstStyle/>
          <a:p>
            <a: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Overordnede resultater</a:t>
            </a:r>
            <a:b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DC2A4D3F-4DA6-858B-0C3C-E917864B0DB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4109" y="897297"/>
            <a:ext cx="7488237" cy="3348906"/>
          </a:xfrm>
        </p:spPr>
        <p:txBody>
          <a:bodyPr/>
          <a:lstStyle/>
          <a:p>
            <a:r>
              <a:rPr lang="da-DK" sz="1400" dirty="0"/>
              <a:t>Kortlægningen viser et godt undervisningsmiljø med elever, der har en høj trivsel. Elevtrivslen har været stigende de seneste år og ligger på niveau med eller over landsgennemsnittet på alle indikatorer. </a:t>
            </a:r>
          </a:p>
          <a:p>
            <a:r>
              <a:rPr lang="da-DK" sz="1400" dirty="0"/>
              <a:t>Eleverne oplever høj faglighed, dygtige og engagerede lærere og god feedback. De føler, de har gode muligheder for medbestemmelse. </a:t>
            </a:r>
          </a:p>
          <a:p>
            <a:r>
              <a:rPr lang="da-DK" sz="1400" dirty="0"/>
              <a:t>De er glade for de fysiske omgivelser i form af studentercafe, idrætssale, værksteder, mv. </a:t>
            </a:r>
          </a:p>
          <a:p>
            <a:r>
              <a:rPr lang="da-DK" sz="1400" dirty="0"/>
              <a:t>Eleverne efterlyser </a:t>
            </a:r>
            <a:r>
              <a:rPr lang="da-DK" sz="1400" dirty="0" err="1"/>
              <a:t>ifht</a:t>
            </a:r>
            <a:r>
              <a:rPr lang="da-DK" sz="1400" dirty="0"/>
              <a:t>. fysiske undervisningsmiljø større fokus på sikkerhed ved ulykker samt kriseberedskab. </a:t>
            </a:r>
          </a:p>
          <a:p>
            <a:r>
              <a:rPr lang="da-DK" sz="1400" dirty="0"/>
              <a:t>Affaldssorteringssystemet medfører, at der ikke er skraldespande i de enkelte lokaler, og eleverne oplever derfor, at der kan være efterladt skrald i lokalerne. </a:t>
            </a:r>
          </a:p>
          <a:p>
            <a:r>
              <a:rPr lang="da-DK" sz="1400" dirty="0"/>
              <a:t>Eleverne roser det æstetiske undervisningsmiljø herunder at udsmykningen på fx vægge signalerer tilhørsforhold til pædagogisk praksis, men ønsker mere af det. </a:t>
            </a:r>
          </a:p>
          <a:p>
            <a:r>
              <a:rPr lang="da-DK" sz="1400" dirty="0"/>
              <a:t>Eleverne efterlyser et bedre psykisk undervisningsmiljø </a:t>
            </a:r>
            <a:r>
              <a:rPr lang="da-DK" sz="1400" dirty="0" err="1"/>
              <a:t>ifht</a:t>
            </a:r>
            <a:r>
              <a:rPr lang="da-DK" sz="1400" dirty="0"/>
              <a:t>. graden af elevernes sociale medansvar, når det kommer til engagement i undervisningen en klasserumskultur, hvor alle elever har gode deltagelsesmuligheder. 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2285F54-7CD9-58ED-1CAB-17A794B64C0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7. januar 20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72285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9D8AB41B-C91A-D9DD-BE6F-1622EB8B06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200" y="-986182"/>
            <a:ext cx="7488758" cy="986182"/>
          </a:xfr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ordnede resultater</a:t>
            </a:r>
          </a:p>
        </p:txBody>
      </p:sp>
      <p:graphicFrame>
        <p:nvGraphicFramePr>
          <p:cNvPr id="10" name="Tabel 10">
            <a:extLst>
              <a:ext uri="{FF2B5EF4-FFF2-40B4-BE49-F238E27FC236}">
                <a16:creationId xmlns:a16="http://schemas.microsoft.com/office/drawing/2014/main" id="{E9CDB218-062A-7BEA-AB52-B47023D7479A}"/>
              </a:ext>
            </a:extLst>
          </p:cNvPr>
          <p:cNvGraphicFramePr>
            <a:graphicFrameLocks noGrp="1"/>
          </p:cNvGraphicFramePr>
          <p:nvPr>
            <p:ph sz="quarter" idx="12"/>
            <p:extLst>
              <p:ext uri="{D42A27DB-BD31-4B8C-83A1-F6EECF244321}">
                <p14:modId xmlns:p14="http://schemas.microsoft.com/office/powerpoint/2010/main" val="629419480"/>
              </p:ext>
            </p:extLst>
          </p:nvPr>
        </p:nvGraphicFramePr>
        <p:xfrm>
          <a:off x="863588" y="607214"/>
          <a:ext cx="7516826" cy="333976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758413">
                  <a:extLst>
                    <a:ext uri="{9D8B030D-6E8A-4147-A177-3AD203B41FA5}">
                      <a16:colId xmlns:a16="http://schemas.microsoft.com/office/drawing/2014/main" val="2086139364"/>
                    </a:ext>
                  </a:extLst>
                </a:gridCol>
                <a:gridCol w="3758413">
                  <a:extLst>
                    <a:ext uri="{9D8B030D-6E8A-4147-A177-3AD203B41FA5}">
                      <a16:colId xmlns:a16="http://schemas.microsoft.com/office/drawing/2014/main" val="2524521877"/>
                    </a:ext>
                  </a:extLst>
                </a:gridCol>
              </a:tblGrid>
              <a:tr h="524376">
                <a:tc>
                  <a:txBody>
                    <a:bodyPr/>
                    <a:lstStyle/>
                    <a:p>
                      <a:r>
                        <a:rPr lang="da-DK" sz="1400" dirty="0"/>
                        <a:t>Her gjorde vi det godt</a:t>
                      </a:r>
                      <a:r>
                        <a:rPr lang="da-DK" sz="1200" dirty="0"/>
                        <a:t>	</a:t>
                      </a:r>
                    </a:p>
                    <a:p>
                      <a:endParaRPr lang="da-DK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Her oplevede vi udfordring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912389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agligt niveau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Viden om sikkerhed ved ulykker samt kriseberedskab.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004356966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Engagerede lærere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Affaldssortering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153317185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kolens ry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Atmosfære udsmykning og indretning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38705412"/>
                  </a:ext>
                </a:extLst>
              </a:tr>
              <a:tr h="420319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tudenterfaciliteter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Elevernes sociale medansvar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683094429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eedback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00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362028662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ammenhæng i uddannelsen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0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532094679"/>
                  </a:ext>
                </a:extLst>
              </a:tr>
            </a:tbl>
          </a:graphicData>
        </a:graphic>
      </p:graphicFrame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7. januar 2023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33446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8A938DBF-131C-F31C-F4E7-E55A22542AEC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71500" y="114186"/>
            <a:ext cx="6084676" cy="369332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Handleplan</a:t>
            </a:r>
          </a:p>
        </p:txBody>
      </p:sp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14E58FE1-861B-99A3-7B2A-AC8E28896A7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44595156"/>
              </p:ext>
            </p:extLst>
          </p:nvPr>
        </p:nvGraphicFramePr>
        <p:xfrm>
          <a:off x="1" y="627534"/>
          <a:ext cx="9143999" cy="472677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828231">
                  <a:extLst>
                    <a:ext uri="{9D8B030D-6E8A-4147-A177-3AD203B41FA5}">
                      <a16:colId xmlns:a16="http://schemas.microsoft.com/office/drawing/2014/main" val="3909776966"/>
                    </a:ext>
                  </a:extLst>
                </a:gridCol>
                <a:gridCol w="1936500">
                  <a:extLst>
                    <a:ext uri="{9D8B030D-6E8A-4147-A177-3AD203B41FA5}">
                      <a16:colId xmlns:a16="http://schemas.microsoft.com/office/drawing/2014/main" val="523409183"/>
                    </a:ext>
                  </a:extLst>
                </a:gridCol>
                <a:gridCol w="2423710">
                  <a:extLst>
                    <a:ext uri="{9D8B030D-6E8A-4147-A177-3AD203B41FA5}">
                      <a16:colId xmlns:a16="http://schemas.microsoft.com/office/drawing/2014/main" val="3334175134"/>
                    </a:ext>
                  </a:extLst>
                </a:gridCol>
                <a:gridCol w="1345767">
                  <a:extLst>
                    <a:ext uri="{9D8B030D-6E8A-4147-A177-3AD203B41FA5}">
                      <a16:colId xmlns:a16="http://schemas.microsoft.com/office/drawing/2014/main" val="525879762"/>
                    </a:ext>
                  </a:extLst>
                </a:gridCol>
                <a:gridCol w="1609791">
                  <a:extLst>
                    <a:ext uri="{9D8B030D-6E8A-4147-A177-3AD203B41FA5}">
                      <a16:colId xmlns:a16="http://schemas.microsoft.com/office/drawing/2014/main" val="3475808836"/>
                    </a:ext>
                  </a:extLst>
                </a:gridCol>
              </a:tblGrid>
              <a:tr h="691851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Succes eller udfordring,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som arbejdes med,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herunder målgruppen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Indsats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Ønsket mål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for indsatsen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Ansvarlig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Tidsplan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(Start /slut og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vt. deadlines)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3630259016"/>
                  </a:ext>
                </a:extLst>
              </a:tr>
              <a:tr h="1190119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Fysisk undervisningsmiljø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Sikkerhed mht. 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ulykke og kriseberedskab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Introduktion til skolens beredskabsplan, flugtplaner, placering af hjertestartere mv. indgår som en del af introforløbet på uddannelsen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leverne kender til skolens ulykke- og kriseberedskab og ved, hvordan de skal forholde sig i tilfælde af en hændelse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edelsen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2023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2318678388"/>
                  </a:ext>
                </a:extLst>
              </a:tr>
              <a:tr h="937044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Fysisk undervisningsmiljø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Fysiske rammer og inventar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Affaldssorteringssystemet indgår i undervisningen som en del af orienteringsløbet i introforløbet og fx faget innovation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leverne bidrager til at holde campus pænt ved at rydde op efter sig i undervisningslokaler mv. og herefter sortere deres affald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ærere og elever, Fællesrådet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2023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1600117697"/>
                  </a:ext>
                </a:extLst>
              </a:tr>
              <a:tr h="1056628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Æstetisk undervisningsmiljø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Atmosfære udsmykning og indretning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lever involveres i at indrette uddannelsens nye laboratorie, så det danner bedst mulig ramme om træning af praktiske færdigheder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Udsmykningen i lokaler og fællesområder medvirker til at skabe en tydelig sammenhæng med praksis. 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edelsen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2022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567229139"/>
                  </a:ext>
                </a:extLst>
              </a:tr>
              <a:tr h="656156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Psykisk undervisningsmiljø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levernes sociale medansvar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Flere holddage med fokus på klasserumskultur faciliteret af holdlærer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Alle elever bidrager til en inkluderende klasserumskultur med deltagelsesmuligheder for alle elever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ærere og elever, Fællesrådet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 2023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274443336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0112179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>
            <a:extLst>
              <a:ext uri="{FF2B5EF4-FFF2-40B4-BE49-F238E27FC236}">
                <a16:creationId xmlns:a16="http://schemas.microsoft.com/office/drawing/2014/main" id="{5A6116C1-1E20-8630-5790-19972DD29786}"/>
              </a:ext>
            </a:extLst>
          </p:cNvPr>
          <p:cNvSpPr txBox="1">
            <a:spLocks noGrp="1"/>
          </p:cNvSpPr>
          <p:nvPr>
            <p:ph type="title" idx="4294967295"/>
          </p:nvPr>
        </p:nvSpPr>
        <p:spPr>
          <a:xfrm>
            <a:off x="143508" y="123478"/>
            <a:ext cx="7272808" cy="369332"/>
          </a:xfrm>
          <a:prstGeom prst="rect">
            <a:avLst/>
          </a:prstGeom>
          <a:noFill/>
          <a:ln>
            <a:noFill/>
            <a:prstDash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Georgia" panose="02040502050405020303" pitchFamily="18" charset="0"/>
                <a:ea typeface="+mn-ea"/>
                <a:cs typeface="+mn-cs"/>
              </a:rPr>
              <a:t>Retningslinjer for opfølgning på handleplanens indsatser</a:t>
            </a:r>
          </a:p>
        </p:txBody>
      </p:sp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0E1CBF74-D47F-E424-A234-1B766AB6441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84441588"/>
              </p:ext>
            </p:extLst>
          </p:nvPr>
        </p:nvGraphicFramePr>
        <p:xfrm>
          <a:off x="0" y="591530"/>
          <a:ext cx="9144000" cy="4551971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286000">
                  <a:extLst>
                    <a:ext uri="{9D8B030D-6E8A-4147-A177-3AD203B41FA5}">
                      <a16:colId xmlns:a16="http://schemas.microsoft.com/office/drawing/2014/main" val="601824925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400200125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1364394944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1877161654"/>
                    </a:ext>
                  </a:extLst>
                </a:gridCol>
              </a:tblGrid>
              <a:tr h="452046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Indsats og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opgaver i opfølgningen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Hvem står for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opfølgningen?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Hvordan udføres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opgaverne?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Hvornår?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563332508"/>
                  </a:ext>
                </a:extLst>
              </a:tr>
              <a:tr h="1251131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Introduktion til skolens beredskabsplan, flugtplaner, placering af hjertestartere mv. indgår som en del af introforløbet på uddannelsen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edelsen og evalueringskoordinator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Opfølgningen sker som en del af evaluering af introforløbet, som alle hold gennemfører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øbende, status oktober 2023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872702521"/>
                  </a:ext>
                </a:extLst>
              </a:tr>
              <a:tr h="1070212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Affaldssorteringssystemet indgår i undervisningen som en del af orienteringsløbet i introforløbet og fx faget innovation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edelsen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Dialog med eleverne i fællesrådet på baggrund af tilbagemelding fra holden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øbende, status oktober 2023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079578168"/>
                  </a:ext>
                </a:extLst>
              </a:tr>
              <a:tr h="1070212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lever involveres i at indrette uddannelsens nye laboratorie, så det danner bedst mulig ramme om træning af praktiske færdigheder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edels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Dialog med lærere og eleverne i fællesrådet på baggrund af tilbagemelding fra holden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øbende, status oktober 2023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172659818"/>
                  </a:ext>
                </a:extLst>
              </a:tr>
              <a:tr h="708370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Flere holddage med fokus på klasserumskultur faciliteret af holdlærer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edelse og holdlærer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Dialog med eleverne i fællesrådet på baggrund af tilbagemelding fra holden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øbende, status oktober 2023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57938557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2834945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563305693843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heme/theme1.xml><?xml version="1.0" encoding="utf-8"?>
<a:theme xmlns:a="http://schemas.openxmlformats.org/drawingml/2006/main" name="Københavns Professionshøjskole">
  <a:themeElements>
    <a:clrScheme name="KP Design Grø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5447"/>
      </a:accent1>
      <a:accent2>
        <a:srgbClr val="CCCCCC"/>
      </a:accent2>
      <a:accent3>
        <a:srgbClr val="929292"/>
      </a:accent3>
      <a:accent4>
        <a:srgbClr val="404040"/>
      </a:accent4>
      <a:accent5>
        <a:srgbClr val="8CCDB9"/>
      </a:accent5>
      <a:accent6>
        <a:srgbClr val="148C78"/>
      </a:accent6>
      <a:hlink>
        <a:srgbClr val="404040"/>
      </a:hlink>
      <a:folHlink>
        <a:srgbClr val="E6E6E6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 algn="l">
          <a:defRPr sz="1600" b="1" noProof="0" dirty="0">
            <a:solidFill>
              <a:schemeClr val="tx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FE2E63814B1FF14BABBFF995C7FD32F0" ma:contentTypeVersion="13" ma:contentTypeDescription="Opret et nyt dokument." ma:contentTypeScope="" ma:versionID="ad8ccd7b471a962714b45c67abe0aada">
  <xsd:schema xmlns:xsd="http://www.w3.org/2001/XMLSchema" xmlns:xs="http://www.w3.org/2001/XMLSchema" xmlns:p="http://schemas.microsoft.com/office/2006/metadata/properties" xmlns:ns2="5416ca48-f997-41b8-bf26-fa1282c7d5f4" xmlns:ns3="2b1e201a-78de-4de3-bfd1-4e1b27bb89cc" targetNamespace="http://schemas.microsoft.com/office/2006/metadata/properties" ma:root="true" ma:fieldsID="5863b4cdfa2b3198ba7fa0c044b3bb8f" ns2:_="" ns3:_="">
    <xsd:import namespace="5416ca48-f997-41b8-bf26-fa1282c7d5f4"/>
    <xsd:import namespace="2b1e201a-78de-4de3-bfd1-4e1b27bb89c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416ca48-f997-41b8-bf26-fa1282c7d5f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lcf76f155ced4ddcb4097134ff3c332f" ma:index="19" nillable="true" ma:taxonomy="true" ma:internalName="lcf76f155ced4ddcb4097134ff3c332f" ma:taxonomyFieldName="MediaServiceImageTags" ma:displayName="Billedmærker" ma:readOnly="false" ma:fieldId="{5cf76f15-5ced-4ddc-b409-7134ff3c332f}" ma:taxonomyMulti="true" ma:sspId="315ba257-2ce8-4821-9133-510de1ae0d55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b1e201a-78de-4de3-bfd1-4e1b27bb89cc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20" nillable="true" ma:displayName="Taxonomy Catch All Column" ma:hidden="true" ma:list="{7489a7c6-a0ba-4bb6-87e8-fbbe52b9f8fa}" ma:internalName="TaxCatchAll" ma:showField="CatchAllData" ma:web="2b1e201a-78de-4de3-bfd1-4e1b27bb89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2b1e201a-78de-4de3-bfd1-4e1b27bb89cc"/>
    <lcf76f155ced4ddcb4097134ff3c332f xmlns="5416ca48-f997-41b8-bf26-fa1282c7d5f4">
      <Terms xmlns="http://schemas.microsoft.com/office/infopath/2007/PartnerControls"/>
    </lcf76f155ced4ddcb4097134ff3c332f>
  </documentManagement>
</p:properties>
</file>

<file path=customXml/itemProps1.xml><?xml version="1.0" encoding="utf-8"?>
<ds:datastoreItem xmlns:ds="http://schemas.openxmlformats.org/officeDocument/2006/customXml" ds:itemID="{D1152B45-8778-4F18-8F4E-C4154292AFD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416ca48-f997-41b8-bf26-fa1282c7d5f4"/>
    <ds:schemaRef ds:uri="2b1e201a-78de-4de3-bfd1-4e1b27bb89c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C8FE8086-EBAC-4E1D-BBE7-5E820046A01B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76E5B87-2605-4497-AA45-F68F890A0B2B}">
  <ds:schemaRefs>
    <ds:schemaRef ds:uri="http://schemas.microsoft.com/office/2006/metadata/properties"/>
    <ds:schemaRef ds:uri="http://schemas.microsoft.com/office/infopath/2007/PartnerControls"/>
    <ds:schemaRef ds:uri="2b1e201a-78de-4de3-bfd1-4e1b27bb89cc"/>
    <ds:schemaRef ds:uri="5416ca48-f997-41b8-bf26-fa1282c7d5f4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40</TotalTime>
  <Words>725</Words>
  <Application>Microsoft Office PowerPoint</Application>
  <PresentationFormat>Skærmshow (16:9)</PresentationFormat>
  <Paragraphs>114</Paragraphs>
  <Slides>7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7</vt:i4>
      </vt:variant>
    </vt:vector>
  </HeadingPairs>
  <TitlesOfParts>
    <vt:vector size="13" baseType="lpstr">
      <vt:lpstr>Arial</vt:lpstr>
      <vt:lpstr>Calibri</vt:lpstr>
      <vt:lpstr>Georgia</vt:lpstr>
      <vt:lpstr>Symbol</vt:lpstr>
      <vt:lpstr>Wingdings</vt:lpstr>
      <vt:lpstr>Københavns Professionshøjskole</vt:lpstr>
      <vt:lpstr>Undervisningsmiljø-vurdering </vt:lpstr>
      <vt:lpstr>Undervisningsmiljøet skal fremme elevernes muligheder for udvikling og læring</vt:lpstr>
      <vt:lpstr>Kortlægning af undervisningsmiljøet: </vt:lpstr>
      <vt:lpstr>Overordnede resultater </vt:lpstr>
      <vt:lpstr>Overordnede resultater</vt:lpstr>
      <vt:lpstr>Handleplan</vt:lpstr>
      <vt:lpstr>Retningslinjer for opfølgning på handleplanens indsatser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Københavns Professionshøjskole</dc:creator>
  <cp:lastModifiedBy>Christian Otholm</cp:lastModifiedBy>
  <cp:revision>11</cp:revision>
  <dcterms:modified xsi:type="dcterms:W3CDTF">2023-01-17T08:09:1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0-07-01T11:37:31.4570462Z</vt:lpwstr>
  </property>
  <property fmtid="{D5CDD505-2E9C-101B-9397-08002B2CF9AE}" pid="3" name="CustomerId">
    <vt:lpwstr>kph</vt:lpwstr>
  </property>
  <property fmtid="{D5CDD505-2E9C-101B-9397-08002B2CF9AE}" pid="4" name="TemplateId">
    <vt:lpwstr>637079423311687069</vt:lpwstr>
  </property>
  <property fmtid="{D5CDD505-2E9C-101B-9397-08002B2CF9AE}" pid="5" name="UserProfileId">
    <vt:lpwstr>636887712271574548</vt:lpwstr>
  </property>
</Properties>
</file>